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7B84B039-27E4-435A-B229-AA8127F19CE2}" xr6:coauthVersionLast="36" xr6:coauthVersionMax="47" xr10:uidLastSave="{00000000-0000-0000-0000-000000000000}"/>
  <bookViews>
    <workbookView xWindow="1470" yWindow="1470" windowWidth="23670" windowHeight="12750" activeTab="1" xr2:uid="{00000000-000D-0000-FFFF-FFFF00000000}"/>
  </bookViews>
  <sheets>
    <sheet name="ColorTable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4" uniqueCount="10">
  <si>
    <t>No</t>
  </si>
  <si>
    <t>ForeColor</t>
  </si>
  <si>
    <t>BackColor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A7EC5B1E-A316-4580-8955-2840E3F54F4D}" name="テーブル1" displayName="テーブル1" ref="A1:E7" totalsRowShown="0">
  <autoFilter ref="A1:E7" xr:uid="{93EDF942-904F-420D-BD5B-EF2DB9037A28}"/>
  <tableColumns count="5">
    <tableColumn id="1" xr3:uid="{74068F69-5F4B-41E4-849B-7FBF3D58043B}" name="ID"/>
    <tableColumn id="2" xr3:uid="{1313B1EF-06A3-4AA8-A6F4-550722C6B1BE}" name="TERMINATOR"/>
    <tableColumn id="3" xr3:uid="{2E35BAC3-7309-4EE0-9ACC-67E154460054}" name="MAX_LENGTH"/>
    <tableColumn id="4" xr3:uid="{1C5B6FDB-12CD-4D20-87DC-12117E052A17}" name="SOURCE"/>
    <tableColumn id="5" xr3:uid="{953C5E15-B486-4963-80EA-AD82A69EBDCA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1"/>
  <sheetViews>
    <sheetView workbookViewId="0">
      <selection sqref="A1:C1"/>
    </sheetView>
  </sheetViews>
  <sheetFormatPr defaultRowHeight="18.75" x14ac:dyDescent="0.4"/>
  <sheetData>
    <row r="1" spans="1:3" x14ac:dyDescent="0.4">
      <c r="A1" s="1" t="s">
        <v>0</v>
      </c>
      <c r="B1" s="2" t="s">
        <v>1</v>
      </c>
      <c r="C1" s="1" t="s">
        <v>2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7"/>
  <sheetViews>
    <sheetView tabSelected="1" workbookViewId="0">
      <selection sqref="A1:E7"/>
    </sheetView>
  </sheetViews>
  <sheetFormatPr defaultRowHeight="18.75" x14ac:dyDescent="0.4"/>
  <sheetData>
    <row r="1" spans="1:5" x14ac:dyDescent="0.4">
      <c r="A1" t="s">
        <v>3</v>
      </c>
      <c r="B1" t="s">
        <v>4</v>
      </c>
      <c r="C1" t="s">
        <v>5</v>
      </c>
      <c r="D1" t="s">
        <v>6</v>
      </c>
      <c r="E1" t="s">
        <v>7</v>
      </c>
    </row>
    <row r="2" spans="1:5" x14ac:dyDescent="0.4">
      <c r="A2">
        <v>1</v>
      </c>
      <c r="B2" s="3" t="s">
        <v>8</v>
      </c>
      <c r="C2">
        <v>12</v>
      </c>
      <c r="E2" s="3"/>
    </row>
    <row r="3" spans="1:5" x14ac:dyDescent="0.4">
      <c r="A3">
        <v>2</v>
      </c>
      <c r="B3" s="3" t="s">
        <v>8</v>
      </c>
      <c r="C3">
        <v>12</v>
      </c>
      <c r="E3" s="3"/>
    </row>
    <row r="4" spans="1:5" x14ac:dyDescent="0.4">
      <c r="A4">
        <v>3</v>
      </c>
      <c r="B4" s="3" t="s">
        <v>9</v>
      </c>
      <c r="C4">
        <v>12</v>
      </c>
      <c r="E4" s="3"/>
    </row>
    <row r="5" spans="1:5" x14ac:dyDescent="0.4">
      <c r="B5" s="3"/>
      <c r="D5">
        <v>1</v>
      </c>
      <c r="E5" s="3" t="s">
        <v>0</v>
      </c>
    </row>
    <row r="6" spans="1:5" x14ac:dyDescent="0.4">
      <c r="B6" s="3"/>
      <c r="D6">
        <v>2</v>
      </c>
      <c r="E6" s="3" t="s">
        <v>1</v>
      </c>
    </row>
    <row r="7" spans="1:5" x14ac:dyDescent="0.4">
      <c r="B7" s="3"/>
      <c r="D7">
        <v>3</v>
      </c>
      <c r="E7" s="3" t="s">
        <v>2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olorTable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1:52:20Z</dcterms:created>
  <dcterms:modified xsi:type="dcterms:W3CDTF">2024-02-26T04:26:44Z</dcterms:modified>
</cp:coreProperties>
</file>